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iddendrenth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2841C0F1-2AD3-48E4-C79A-3B54AD0A736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0611" y="4903757"/>
            <a:ext cx="1587556" cy="166375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05F7BFDA-9F69-77F1-1544-3FDF3628136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2261" y="3712021"/>
            <a:ext cx="1587556" cy="166375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9-11T07:16:10Z</dcterms:modified>
</cp:coreProperties>
</file>